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029"/>
  <workbookPr defaultThemeVersion="202300"/>
  <mc:AlternateContent xmlns:mc="http://schemas.openxmlformats.org/markup-compatibility/2006">
    <mc:Choice Requires="x15">
      <x15ac:absPath xmlns:x15ac="http://schemas.microsoft.com/office/spreadsheetml/2010/11/ac" url="https://brunelpp.sharepoint.com/sites/BrunelIntranet/Client Relations/Reporting/Transparency Reports/2025/06 June/"/>
    </mc:Choice>
  </mc:AlternateContent>
  <xr:revisionPtr revIDLastSave="0" documentId="8_{06539EFA-61E3-456B-87BF-A9CF5059D97D}" xr6:coauthVersionLast="47" xr6:coauthVersionMax="47" xr10:uidLastSave="{00000000-0000-0000-0000-000000000000}"/>
  <bookViews>
    <workbookView xWindow="-110" yWindow="-110" windowWidth="19420" windowHeight="10300" xr2:uid="{8B185CBA-7783-4480-8A04-42BD5886E314}"/>
  </bookViews>
  <sheets>
    <sheet name="ALLNGGTTL" sheetId="1" r:id="rId1"/>
  </sheets>
  <externalReferences>
    <externalReference r:id="rId2"/>
    <externalReference r:id="rId3"/>
    <externalReference r:id="rId4"/>
  </externalReferences>
  <definedNames>
    <definedName name="_AUTOFIT_COLS">#REF!</definedName>
    <definedName name="_BRXLS_SHEETS">#REF!</definedName>
    <definedName name="_CUR_PMS">#REF!</definedName>
    <definedName name="_CURR_PSUM">#REF!</definedName>
    <definedName name="_DETAIL">#REF!</definedName>
    <definedName name="_INSERTAMORT">#REF!</definedName>
    <definedName name="_INSERTBVADJ">#REF!</definedName>
    <definedName name="_INSERTNR">#REF!</definedName>
    <definedName name="_INSERTNRF">#REF!</definedName>
    <definedName name="_INSERTNU">#REF!</definedName>
    <definedName name="_INSERTNUF">#REF!</definedName>
    <definedName name="_INSERTUGF">#REF!</definedName>
    <definedName name="_MAIN">#REF!</definedName>
    <definedName name="_NO_RESIZE_COLS">#REF!</definedName>
    <definedName name="_NO_RESIZE_PAGE">#REF!</definedName>
    <definedName name="_OTHERINTINC">#REF!</definedName>
    <definedName name="_PREV_PMS">#REF!</definedName>
    <definedName name="_PRIOR_PSUM">#REF!</definedName>
    <definedName name="_TOCDETAIL">#REF!</definedName>
    <definedName name="_TOCREPORT">#REF!</definedName>
    <definedName name="_TOCSECTION">#REF!</definedName>
    <definedName name="_TOTALS">#REF!</definedName>
    <definedName name="AddInv">#REF!</definedName>
    <definedName name="AdjNAV">#REF!</definedName>
    <definedName name="b.1mo">#REF!</definedName>
    <definedName name="b.1yr">#REF!</definedName>
    <definedName name="b.3mo">#REF!</definedName>
    <definedName name="b.3yr.ann">#REF!</definedName>
    <definedName name="b.5yr.ann">#REF!</definedName>
    <definedName name="b.incep">#REF!</definedName>
    <definedName name="b.incep.ann">#REF!</definedName>
    <definedName name="b.ytd">#REF!</definedName>
    <definedName name="b2.1mo">#REF!</definedName>
    <definedName name="b2.1yr">#REF!</definedName>
    <definedName name="b2.3mo">#REF!</definedName>
    <definedName name="b2.3yr.ann">#REF!</definedName>
    <definedName name="b2.5yr.ann">#REF!</definedName>
    <definedName name="b2.incep">#REF!</definedName>
    <definedName name="b2.incep.ann">#REF!</definedName>
    <definedName name="b2.ytd">#REF!</definedName>
    <definedName name="BaseInterest">#REF!</definedName>
    <definedName name="BaseNetMoney">#REF!</definedName>
    <definedName name="BasePrincipal">#REF!</definedName>
    <definedName name="BAVBeg">#REF!</definedName>
    <definedName name="BegNav">#REF!</definedName>
    <definedName name="BegValSubTot">#REF!</definedName>
    <definedName name="BenchAvg">#REF!</definedName>
    <definedName name="BenchConv">#REF!</definedName>
    <definedName name="BenchCount">#REF!</definedName>
    <definedName name="BenchDur">#REF!</definedName>
    <definedName name="benchlist">#REF!</definedName>
    <definedName name="Benchmark1Bps">#REF!</definedName>
    <definedName name="Benchmark2Bps">#REF!</definedName>
    <definedName name="Benchmark2Section">#REF!</definedName>
    <definedName name="BenchmarkName">#REF!</definedName>
    <definedName name="BenchmarkName2">#REF!</definedName>
    <definedName name="BenchmarkNameN">#REF!</definedName>
    <definedName name="BenchmarkNSection">#REF!</definedName>
    <definedName name="BenchmarkSection">#REF!</definedName>
    <definedName name="BenchMktYld">#REF!</definedName>
    <definedName name="BenchTicker">#REF!</definedName>
    <definedName name="bn.1mo">#REF!</definedName>
    <definedName name="bn.1yr">#REF!</definedName>
    <definedName name="bn.3mo">#REF!</definedName>
    <definedName name="bn.3yr.ann">#REF!</definedName>
    <definedName name="bn.5yr.ann">#REF!</definedName>
    <definedName name="bn.incep">#REF!</definedName>
    <definedName name="bn.incep.ann">#REF!</definedName>
    <definedName name="bn.ytd">#REF!</definedName>
    <definedName name="BookYld">#REF!</definedName>
    <definedName name="BV_Type">#REF!</definedName>
    <definedName name="BV_Value">#REF!</definedName>
    <definedName name="BVOther">#REF!</definedName>
    <definedName name="BVTotal">#REF!</definedName>
    <definedName name="CASH_CURR">#REF!</definedName>
    <definedName name="CASH_PREV">#REF!</definedName>
    <definedName name="CashAmt">#REF!</definedName>
    <definedName name="CashEqAmt">#REF!</definedName>
    <definedName name="CashHdr">#REF!</definedName>
    <definedName name="ClientName">#REF!</definedName>
    <definedName name="ClientReportingStyle">#REF!</definedName>
    <definedName name="CommCashAmt">#REF!</definedName>
    <definedName name="Coupon">#REF!</definedName>
    <definedName name="cpPeriodC">#REF!</definedName>
    <definedName name="cpPeriodD">#REF!</definedName>
    <definedName name="cur_can_round">#REF!</definedName>
    <definedName name="cur_max">#REF!</definedName>
    <definedName name="cur_short">#REF!</definedName>
    <definedName name="cur_title">#REF!</definedName>
    <definedName name="cur_total">#REF!</definedName>
    <definedName name="cur_value">#REF!</definedName>
    <definedName name="curr_categories">#REF!</definedName>
    <definedName name="CurrencySection">#REF!</definedName>
    <definedName name="CurrentFace">#REF!</definedName>
    <definedName name="CurrentPeriod">#REF!</definedName>
    <definedName name="CurrPSUM">#REF!</definedName>
    <definedName name="CustFees">#REF!</definedName>
    <definedName name="DataSection">#REF!</definedName>
    <definedName name="DataTable">#REF!</definedName>
    <definedName name="DataTableTarget">#REF!</definedName>
    <definedName name="DeleteForDisclaimer">#REF!</definedName>
    <definedName name="Desc">#REF!</definedName>
    <definedName name="Detail">#REF!</definedName>
    <definedName name="Disclaimer">'[2]Sector Mapping'!$Y$1:$Y$40</definedName>
    <definedName name="DisclaimerRange">#REF!</definedName>
    <definedName name="DivPaid">#REF!</definedName>
    <definedName name="EndCurrentPeriod">#REF!</definedName>
    <definedName name="EndNAV">#REF!</definedName>
    <definedName name="EntryNumber">#REF!</definedName>
    <definedName name="EntryText">#REF!</definedName>
    <definedName name="EntryType">#REF!</definedName>
    <definedName name="ExcessReturnSection">#REF!</definedName>
    <definedName name="ExpandRange">#REF!</definedName>
    <definedName name="footnote">#REF!</definedName>
    <definedName name="Frequency">#REF!</definedName>
    <definedName name="FundInceptionDate">#REF!</definedName>
    <definedName name="GapConv">#REF!</definedName>
    <definedName name="GapDur">#REF!</definedName>
    <definedName name="GapMktYld">#REF!</definedName>
    <definedName name="graph.1mo">#REF!</definedName>
    <definedName name="graph.1yr">#REF!</definedName>
    <definedName name="graph.3mo">#REF!</definedName>
    <definedName name="graph.3yr.ann">#REF!</definedName>
    <definedName name="graph.5yr.ann">#REF!</definedName>
    <definedName name="graph.desc">#REF!</definedName>
    <definedName name="graph.incep">#REF!</definedName>
    <definedName name="graph.incep.ann">#REF!</definedName>
    <definedName name="graph.ytd">#REF!</definedName>
    <definedName name="GraphTitle">#REF!</definedName>
    <definedName name="IIBeg">#REF!</definedName>
    <definedName name="IIOtherIntInc">#REF!</definedName>
    <definedName name="IncepDate1">#REF!</definedName>
    <definedName name="IncepDate2">#REF!</definedName>
    <definedName name="InsertAmort">#REF!</definedName>
    <definedName name="InsertBVAdj">#REF!</definedName>
    <definedName name="InsertCur">#REF!</definedName>
    <definedName name="InsertNR">#REF!</definedName>
    <definedName name="InsertNRF">#REF!</definedName>
    <definedName name="InsertNU">#REF!</definedName>
    <definedName name="InsertNUF">#REF!</definedName>
    <definedName name="InsertOtherIntInc">#REF!</definedName>
    <definedName name="InsertPrev">#REF!</definedName>
    <definedName name="InsertUGF">#REF!</definedName>
    <definedName name="Interest">#REF!</definedName>
    <definedName name="Interest_Inc_Type">#REF!</definedName>
    <definedName name="Interest_Inc_Value">#REF!</definedName>
    <definedName name="IntInc">#REF!</definedName>
    <definedName name="ISIN">#REF!</definedName>
    <definedName name="ISO">#REF!</definedName>
    <definedName name="LeftLabel">#REF!</definedName>
    <definedName name="LeftTable">#REF!</definedName>
    <definedName name="ListHoldingFields">'[3]Sector Mapping'!$Y$1:$Y$40</definedName>
    <definedName name="Mandate">#REF!</definedName>
    <definedName name="MatDate">#REF!</definedName>
    <definedName name="MgtFees">#REF!</definedName>
    <definedName name="MktYld">#REF!</definedName>
    <definedName name="NAIBeg">#REF!</definedName>
    <definedName name="NAIOtherAmort">#REF!</definedName>
    <definedName name="NAITotal">#REF!</definedName>
    <definedName name="NAV">#REF!</definedName>
    <definedName name="Net_Amort_Type">#REF!</definedName>
    <definedName name="Net_Amort_Value">#REF!</definedName>
    <definedName name="net_DataSection">#REF!</definedName>
    <definedName name="net_Detail">#REF!</definedName>
    <definedName name="net_name">#REF!</definedName>
    <definedName name="net_section">#REF!</definedName>
    <definedName name="net_value">#REF!</definedName>
    <definedName name="NetMoney">#REF!</definedName>
    <definedName name="NR_Type">#REF!</definedName>
    <definedName name="NR_Value">#REF!</definedName>
    <definedName name="NRBeg">#REF!</definedName>
    <definedName name="NRF_Type">#REF!</definedName>
    <definedName name="NRF_Value">#REF!</definedName>
    <definedName name="NRFBeg">#REF!</definedName>
    <definedName name="NRFOther">#REF!</definedName>
    <definedName name="NRFTotal">#REF!</definedName>
    <definedName name="NRFTotalB4Ugl">#REF!</definedName>
    <definedName name="NROther">#REF!</definedName>
    <definedName name="NRTotal">#REF!</definedName>
    <definedName name="NU_Type">#REF!</definedName>
    <definedName name="NU_Value">#REF!</definedName>
    <definedName name="NUBeg">#REF!</definedName>
    <definedName name="NUF_Type">#REF!</definedName>
    <definedName name="NUF_Value">#REF!</definedName>
    <definedName name="NUFBeg">#REF!</definedName>
    <definedName name="NUFOther">#REF!</definedName>
    <definedName name="NUFTotal">#REF!</definedName>
    <definedName name="NUOther">#REF!</definedName>
    <definedName name="NUTotal">#REF!</definedName>
    <definedName name="OrigFace">#REF!</definedName>
    <definedName name="OtherFXUGL">#REF!</definedName>
    <definedName name="OtherHDR">#REF!</definedName>
    <definedName name="OtherIntInc">#REF!</definedName>
    <definedName name="p.1mo">#REF!</definedName>
    <definedName name="p.1yr">#REF!</definedName>
    <definedName name="p.3mo">#REF!</definedName>
    <definedName name="p.3yr.ann">#REF!</definedName>
    <definedName name="p.5yr.ann">#REF!</definedName>
    <definedName name="p.incep">#REF!</definedName>
    <definedName name="p.incep.ann">#REF!</definedName>
    <definedName name="p.ytd">#REF!</definedName>
    <definedName name="Paragraph">#REF!</definedName>
    <definedName name="pBenchAvg">#REF!</definedName>
    <definedName name="pBenchConv">#REF!</definedName>
    <definedName name="pBenchDur">#REF!</definedName>
    <definedName name="pBenchMktYld">#REF!</definedName>
    <definedName name="pBookYld">#REF!</definedName>
    <definedName name="pCashAmt">#REF!</definedName>
    <definedName name="pCashEqAmt">#REF!</definedName>
    <definedName name="pCommCashAmt">#REF!</definedName>
    <definedName name="pGapConv">#REF!</definedName>
    <definedName name="pGapDur">#REF!</definedName>
    <definedName name="pGapMktYld">#REF!</definedName>
    <definedName name="pMktYld">#REF!</definedName>
    <definedName name="pNAV">#REF!</definedName>
    <definedName name="Port_Fullname">#REF!</definedName>
    <definedName name="PortAvg">#REF!</definedName>
    <definedName name="PortConv">#REF!</definedName>
    <definedName name="PortDur">#REF!</definedName>
    <definedName name="PortfolioFullName">#REF!</definedName>
    <definedName name="PortfolioName">#REF!</definedName>
    <definedName name="PortfolioSection">#REF!</definedName>
    <definedName name="PortfolioTicker">#REF!</definedName>
    <definedName name="pPeriodC">#REF!</definedName>
    <definedName name="pPeriodD">#REF!</definedName>
    <definedName name="pPortAvg">#REF!</definedName>
    <definedName name="pPortConv">#REF!</definedName>
    <definedName name="pPortDur">#REF!</definedName>
    <definedName name="PREV_AMOUNT">#REF!</definedName>
    <definedName name="prev_can_round">#REF!</definedName>
    <definedName name="prev_categories">#REF!</definedName>
    <definedName name="prev_max">#REF!</definedName>
    <definedName name="prev_title">#REF!</definedName>
    <definedName name="prev_total">#REF!</definedName>
    <definedName name="prev_value">#REF!</definedName>
    <definedName name="prevCashHdr">#REF!</definedName>
    <definedName name="prevOtherHDR">#REF!</definedName>
    <definedName name="Price">#REF!</definedName>
    <definedName name="Principal">#REF!</definedName>
    <definedName name="PrintAreaWithDisclaimer">#REF!</definedName>
    <definedName name="PriorPeriod">#REF!</definedName>
    <definedName name="PriorPeriodRegion">#REF!</definedName>
    <definedName name="PriorPSUM">#REF!</definedName>
    <definedName name="PriorUGL">#REF!</definedName>
    <definedName name="pUGL">#REF!</definedName>
    <definedName name="pYTDRGL">#REF!</definedName>
    <definedName name="RemoveLine">#REF!</definedName>
    <definedName name="ReportCurrency">#REF!</definedName>
    <definedName name="ReportDate">#REF!</definedName>
    <definedName name="ReportName">#REF!</definedName>
    <definedName name="ReportTitle">#REF!</definedName>
    <definedName name="RGL">#REF!</definedName>
    <definedName name="RightLabel">#REF!</definedName>
    <definedName name="RightTable">#REF!</definedName>
    <definedName name="Rows.1Bench">#REF!</definedName>
    <definedName name="Rows.NoBench">#REF!</definedName>
    <definedName name="rpt_name">#REF!</definedName>
    <definedName name="rpt_title">#REF!</definedName>
    <definedName name="RunDate">#REF!</definedName>
    <definedName name="SettleDate">#REF!</definedName>
    <definedName name="ShareClass">#REF!</definedName>
    <definedName name="show_nav">#REF!</definedName>
    <definedName name="SubtotalInterest">#REF!</definedName>
    <definedName name="SubtotalLabel">#REF!</definedName>
    <definedName name="SubtotalNetMoney">#REF!</definedName>
    <definedName name="SubtotalPrincipal">#REF!</definedName>
    <definedName name="SummingAmort">#REF!</definedName>
    <definedName name="SummingBookValue">#REF!</definedName>
    <definedName name="SummingFees">#REF!</definedName>
    <definedName name="SummingIntInc">#REF!</definedName>
    <definedName name="SummingNR">#REF!</definedName>
    <definedName name="SummingNRF">#REF!</definedName>
    <definedName name="SummingNU">#REF!</definedName>
    <definedName name="SummingNUF">#REF!</definedName>
    <definedName name="SummingUGF">#REF!</definedName>
    <definedName name="TaxableRows">#REF!</definedName>
    <definedName name="TaxableRowsCurrent">#REF!</definedName>
    <definedName name="TaxableRowsPrior">#REF!</definedName>
    <definedName name="TaxStatus">#REF!</definedName>
    <definedName name="TOCRegion">#REF!</definedName>
    <definedName name="tolerance">#REF!</definedName>
    <definedName name="TotalInterest">#REF!</definedName>
    <definedName name="TotalIntInc">#REF!</definedName>
    <definedName name="TotalLabel">#REF!</definedName>
    <definedName name="TotalMC">#REF!</definedName>
    <definedName name="TotalNetMoney">#REF!</definedName>
    <definedName name="TotalPrincipal">#REF!</definedName>
    <definedName name="tPortName">#REF!</definedName>
    <definedName name="TradeDate">#REF!</definedName>
    <definedName name="TradeNumber">#REF!</definedName>
    <definedName name="TradeType">#REF!</definedName>
    <definedName name="UGF_Type">#REF!</definedName>
    <definedName name="UGF_Value">#REF!</definedName>
    <definedName name="UGFBeg">#REF!</definedName>
    <definedName name="UGFOther">#REF!</definedName>
    <definedName name="UGFSubtotal">#REF!</definedName>
    <definedName name="UGFTotalAccrued">#REF!</definedName>
    <definedName name="UGL">#REF!</definedName>
    <definedName name="xs.1mo">#REF!</definedName>
    <definedName name="xs.1yr">#REF!</definedName>
    <definedName name="xs.3mo">#REF!</definedName>
    <definedName name="xs.3yr.ann">#REF!</definedName>
    <definedName name="xs.5yr.ann">#REF!</definedName>
    <definedName name="xs.header">#REF!</definedName>
    <definedName name="xs.incep">#REF!</definedName>
    <definedName name="xs.incep.ann">#REF!</definedName>
    <definedName name="xs.ytd">#REF!</definedName>
    <definedName name="Yield">#REF!</definedName>
    <definedName name="YTDRGL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53" uniqueCount="60">
  <si>
    <t>Powered by BlackRock Solutions®</t>
  </si>
  <si>
    <t/>
  </si>
  <si>
    <t>GBP</t>
  </si>
  <si>
    <t>UK CONV GILT      RegS</t>
  </si>
  <si>
    <t>GB00BPJJKP77</t>
  </si>
  <si>
    <t>GB00BPSNBB36</t>
  </si>
  <si>
    <t>GB00B1VWPJ53</t>
  </si>
  <si>
    <t>GB00B6460505</t>
  </si>
  <si>
    <t>GB00BN65R313</t>
  </si>
  <si>
    <t>GB00B06YGN05</t>
  </si>
  <si>
    <t>GB00B84Z9V04</t>
  </si>
  <si>
    <t>GB00B128DP45</t>
  </si>
  <si>
    <t>GB00BPCJD997</t>
  </si>
  <si>
    <t>GB00B6RNH572</t>
  </si>
  <si>
    <t>GB00B54QLM75</t>
  </si>
  <si>
    <t>GB00BJQWYH73</t>
  </si>
  <si>
    <t>GB00B39R3707</t>
  </si>
  <si>
    <t>GB00BFWFPP71</t>
  </si>
  <si>
    <t>GB00BBJNQY21</t>
  </si>
  <si>
    <t>GB00BD0XH204</t>
  </si>
  <si>
    <t>GB00BMF9LF76</t>
  </si>
  <si>
    <t>GB00BDCHBW80</t>
  </si>
  <si>
    <t>GB00BLH38158</t>
  </si>
  <si>
    <t>GB00BM8Z2V59</t>
  </si>
  <si>
    <t>GB00BYYMZX75</t>
  </si>
  <si>
    <t>GB00BJLR0J16</t>
  </si>
  <si>
    <t>GB00BMBL1F74</t>
  </si>
  <si>
    <t>GB00BNNGP775</t>
  </si>
  <si>
    <t>GB00BFMCN652</t>
  </si>
  <si>
    <t>GB00BMBL1D50</t>
  </si>
  <si>
    <t>GB00BT7J0241</t>
  </si>
  <si>
    <t>GB00BLBDX619</t>
  </si>
  <si>
    <t>BND</t>
  </si>
  <si>
    <t>BLK ICS GBP LIQ AGENCY DIS</t>
  </si>
  <si>
    <t>IE00B52L4369</t>
  </si>
  <si>
    <t>FUND</t>
  </si>
  <si>
    <t>ALLNGGTTL</t>
  </si>
  <si>
    <t>Currency</t>
  </si>
  <si>
    <t>Market Value</t>
  </si>
  <si>
    <t>Security Description</t>
  </si>
  <si>
    <t>Par Value (m)</t>
  </si>
  <si>
    <t>ISIN</t>
  </si>
  <si>
    <t>&lt;Security Group&gt;</t>
  </si>
  <si>
    <t>NoCash</t>
  </si>
  <si>
    <t>Disabled</t>
  </si>
  <si>
    <t>Primary (FTGILT15P)</t>
  </si>
  <si>
    <t>30-JUN-2025</t>
  </si>
  <si>
    <t>Aquila Life Over 15 Years UK Gilt Index Fund</t>
  </si>
  <si>
    <t>Brunel Holdings</t>
  </si>
  <si>
    <t>Active Exposure by Sector</t>
  </si>
  <si>
    <t>Breakdown</t>
  </si>
  <si>
    <t>Widget Filter</t>
  </si>
  <si>
    <t>Look-through</t>
  </si>
  <si>
    <t>Benchmark</t>
  </si>
  <si>
    <t>Date</t>
  </si>
  <si>
    <t>Portfolio Short Name</t>
  </si>
  <si>
    <t>Portfolio Full Name</t>
  </si>
  <si>
    <t>Layout</t>
  </si>
  <si>
    <t>Widget</t>
  </si>
  <si>
    <t>Explor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,"/>
  </numFmts>
  <fonts count="5" x14ac:knownFonts="1">
    <font>
      <sz val="11"/>
      <color indexed="8"/>
      <name val="Aptos Narrow"/>
      <family val="2"/>
      <scheme val="minor"/>
    </font>
    <font>
      <b/>
      <sz val="10"/>
      <name val="Arial"/>
      <family val="2"/>
    </font>
    <font>
      <sz val="10"/>
      <name val="Arial"/>
      <family val="2"/>
    </font>
    <font>
      <b/>
      <sz val="11"/>
      <name val="Calibri"/>
      <family val="2"/>
    </font>
    <font>
      <sz val="10"/>
      <color indexed="9"/>
      <name val="Arial"/>
      <family val="2"/>
    </font>
  </fonts>
  <fills count="8">
    <fill>
      <patternFill patternType="none"/>
    </fill>
    <fill>
      <patternFill patternType="gray125"/>
    </fill>
    <fill>
      <patternFill patternType="solid">
        <fgColor rgb="FFEBEBEB"/>
      </patternFill>
    </fill>
    <fill>
      <patternFill patternType="solid">
        <fgColor rgb="FFFFFFFF"/>
      </patternFill>
    </fill>
    <fill>
      <patternFill patternType="solid">
        <fgColor rgb="FFB0D1B5"/>
      </patternFill>
    </fill>
    <fill>
      <patternFill patternType="solid">
        <fgColor rgb="FFA5CBAB"/>
      </patternFill>
    </fill>
    <fill>
      <patternFill patternType="solid">
        <fgColor rgb="FFDDDACB"/>
      </patternFill>
    </fill>
    <fill>
      <patternFill patternType="solid">
        <fgColor rgb="FF008CCF"/>
      </patternFill>
    </fill>
  </fills>
  <borders count="9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/>
      <right/>
      <top/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/>
      <diagonal/>
    </border>
    <border>
      <left/>
      <right/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/>
      <diagonal/>
    </border>
  </borders>
  <cellStyleXfs count="1">
    <xf numFmtId="0" fontId="0" fillId="0" borderId="0"/>
  </cellStyleXfs>
  <cellXfs count="26">
    <xf numFmtId="0" fontId="0" fillId="0" borderId="0" xfId="0"/>
    <xf numFmtId="0" fontId="1" fillId="0" borderId="0" xfId="0" applyFont="1" applyAlignment="1">
      <alignment horizontal="left"/>
    </xf>
    <xf numFmtId="0" fontId="2" fillId="2" borderId="1" xfId="0" applyFont="1" applyFill="1" applyBorder="1" applyAlignment="1">
      <alignment horizontal="left"/>
    </xf>
    <xf numFmtId="4" fontId="2" fillId="2" borderId="1" xfId="0" applyNumberFormat="1" applyFont="1" applyFill="1" applyBorder="1" applyAlignment="1">
      <alignment horizontal="right"/>
    </xf>
    <xf numFmtId="164" fontId="2" fillId="2" borderId="1" xfId="0" applyNumberFormat="1" applyFont="1" applyFill="1" applyBorder="1" applyAlignment="1">
      <alignment horizontal="right"/>
    </xf>
    <xf numFmtId="0" fontId="2" fillId="2" borderId="1" xfId="0" applyFont="1" applyFill="1" applyBorder="1" applyAlignment="1">
      <alignment horizontal="left" indent="2"/>
    </xf>
    <xf numFmtId="0" fontId="2" fillId="3" borderId="1" xfId="0" applyFont="1" applyFill="1" applyBorder="1" applyAlignment="1">
      <alignment horizontal="left"/>
    </xf>
    <xf numFmtId="4" fontId="2" fillId="3" borderId="1" xfId="0" applyNumberFormat="1" applyFont="1" applyFill="1" applyBorder="1" applyAlignment="1">
      <alignment horizontal="right"/>
    </xf>
    <xf numFmtId="164" fontId="2" fillId="3" borderId="1" xfId="0" applyNumberFormat="1" applyFont="1" applyFill="1" applyBorder="1" applyAlignment="1">
      <alignment horizontal="right"/>
    </xf>
    <xf numFmtId="0" fontId="2" fillId="3" borderId="1" xfId="0" applyFont="1" applyFill="1" applyBorder="1" applyAlignment="1">
      <alignment horizontal="left" indent="2"/>
    </xf>
    <xf numFmtId="0" fontId="2" fillId="4" borderId="1" xfId="0" applyFont="1" applyFill="1" applyBorder="1" applyAlignment="1">
      <alignment horizontal="left"/>
    </xf>
    <xf numFmtId="4" fontId="2" fillId="4" borderId="1" xfId="0" applyNumberFormat="1" applyFont="1" applyFill="1" applyBorder="1" applyAlignment="1">
      <alignment horizontal="right"/>
    </xf>
    <xf numFmtId="164" fontId="2" fillId="4" borderId="1" xfId="0" applyNumberFormat="1" applyFont="1" applyFill="1" applyBorder="1" applyAlignment="1">
      <alignment horizontal="right"/>
    </xf>
    <xf numFmtId="0" fontId="2" fillId="4" borderId="1" xfId="0" applyFont="1" applyFill="1" applyBorder="1" applyAlignment="1">
      <alignment horizontal="left" indent="1"/>
    </xf>
    <xf numFmtId="0" fontId="2" fillId="5" borderId="1" xfId="0" applyFont="1" applyFill="1" applyBorder="1" applyAlignment="1">
      <alignment horizontal="left"/>
    </xf>
    <xf numFmtId="4" fontId="2" fillId="5" borderId="1" xfId="0" applyNumberFormat="1" applyFont="1" applyFill="1" applyBorder="1" applyAlignment="1">
      <alignment horizontal="right"/>
    </xf>
    <xf numFmtId="164" fontId="2" fillId="5" borderId="1" xfId="0" applyNumberFormat="1" applyFont="1" applyFill="1" applyBorder="1" applyAlignment="1">
      <alignment horizontal="right"/>
    </xf>
    <xf numFmtId="0" fontId="1" fillId="6" borderId="2" xfId="0" applyFont="1" applyFill="1" applyBorder="1" applyAlignment="1">
      <alignment horizontal="center" wrapText="1"/>
    </xf>
    <xf numFmtId="0" fontId="3" fillId="0" borderId="3" xfId="0" applyFont="1" applyBorder="1" applyAlignment="1">
      <alignment horizontal="center"/>
    </xf>
    <xf numFmtId="0" fontId="3" fillId="0" borderId="4" xfId="0" applyFont="1" applyBorder="1" applyAlignment="1">
      <alignment horizontal="center"/>
    </xf>
    <xf numFmtId="0" fontId="3" fillId="0" borderId="5" xfId="0" applyFont="1" applyBorder="1" applyAlignment="1">
      <alignment horizontal="center"/>
    </xf>
    <xf numFmtId="0" fontId="3" fillId="0" borderId="6" xfId="0" applyFont="1" applyBorder="1" applyAlignment="1">
      <alignment horizontal="center"/>
    </xf>
    <xf numFmtId="0" fontId="3" fillId="0" borderId="7" xfId="0" applyFont="1" applyBorder="1" applyAlignment="1">
      <alignment horizontal="center"/>
    </xf>
    <xf numFmtId="0" fontId="3" fillId="0" borderId="8" xfId="0" applyFont="1" applyBorder="1" applyAlignment="1">
      <alignment horizontal="center"/>
    </xf>
    <xf numFmtId="0" fontId="0" fillId="7" borderId="0" xfId="0" applyFill="1"/>
    <xf numFmtId="0" fontId="4" fillId="7" borderId="0" xfId="0" applyFont="1" applyFill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10" Type="http://schemas.openxmlformats.org/officeDocument/2006/relationships/customXml" Target="../customXml/item3.xml"/><Relationship Id="rId4" Type="http://schemas.openxmlformats.org/officeDocument/2006/relationships/externalLink" Target="externalLinks/externalLink3.xml"/><Relationship Id="rId9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bethan.jones\AppData\Local\Microsoft\Windows\INetCache\Content.Outlook\PDPC3OVT\BPPBUCKTTL.282945.854803.portfolio.20250630%20-%20Revised.xlsx" TargetMode="External"/><Relationship Id="rId1" Type="http://schemas.openxmlformats.org/officeDocument/2006/relationships/externalLinkPath" Target="file:///C:\Users\bethan.jones\AppData\Local\Microsoft\Windows\INetCache\Content.Outlook\PDPC3OVT\BPPBUCKTTL.282945.854803.portfolio.20250630%20-%20Revised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data\i456176\Temp\DropOL\zzBLKBespokeSectorMapping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EAST.AD.JPMORGANCHASE.COM\AmerXBUS$\data\i456176\Temp\DropOL\zzBLKBespokeSectorMapping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Disclaimer"/>
      <sheetName val="Fund Weightings"/>
    </sheetNames>
    <sheetDataSet>
      <sheetData sheetId="0"/>
      <sheetData sheetId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35B9F03-94EF-46F8-8C84-35DC21CC6F0E}">
  <dimension ref="A1:J42"/>
  <sheetViews>
    <sheetView tabSelected="1" workbookViewId="0"/>
  </sheetViews>
  <sheetFormatPr defaultRowHeight="14.5" x14ac:dyDescent="0.35"/>
  <cols>
    <col min="1" max="1" width="24.1796875" bestFit="1" customWidth="1"/>
    <col min="2" max="2" width="15.1796875" bestFit="1" customWidth="1"/>
    <col min="3" max="3" width="40.81640625" bestFit="1" customWidth="1"/>
    <col min="4" max="4" width="20" bestFit="1" customWidth="1"/>
    <col min="5" max="5" width="12" bestFit="1" customWidth="1"/>
    <col min="6" max="6" width="8.81640625" bestFit="1" customWidth="1"/>
    <col min="7" max="7" width="19" bestFit="1" customWidth="1"/>
    <col min="8" max="8" width="12.81640625" bestFit="1" customWidth="1"/>
    <col min="9" max="9" width="12.7265625" bestFit="1" customWidth="1"/>
    <col min="10" max="10" width="16.26953125" bestFit="1" customWidth="1"/>
  </cols>
  <sheetData>
    <row r="1" spans="1:10" x14ac:dyDescent="0.35">
      <c r="A1" s="25" t="s">
        <v>59</v>
      </c>
      <c r="B1" s="24" t="s">
        <v>1</v>
      </c>
      <c r="C1" s="24" t="s">
        <v>1</v>
      </c>
      <c r="D1" s="24" t="s">
        <v>1</v>
      </c>
      <c r="E1" s="24" t="s">
        <v>1</v>
      </c>
      <c r="F1" s="24" t="s">
        <v>1</v>
      </c>
      <c r="G1" s="24" t="s">
        <v>1</v>
      </c>
      <c r="H1" s="24" t="s">
        <v>1</v>
      </c>
      <c r="I1" s="24" t="s">
        <v>1</v>
      </c>
      <c r="J1" s="24" t="s">
        <v>1</v>
      </c>
    </row>
    <row r="2" spans="1:10" x14ac:dyDescent="0.35">
      <c r="A2" t="s">
        <v>1</v>
      </c>
      <c r="B2" t="s">
        <v>1</v>
      </c>
      <c r="C2" t="s">
        <v>1</v>
      </c>
      <c r="D2" t="s">
        <v>1</v>
      </c>
      <c r="E2" t="s">
        <v>1</v>
      </c>
      <c r="F2" t="s">
        <v>1</v>
      </c>
      <c r="G2" t="s">
        <v>1</v>
      </c>
      <c r="H2" t="s">
        <v>1</v>
      </c>
      <c r="I2" t="s">
        <v>1</v>
      </c>
      <c r="J2" t="s">
        <v>1</v>
      </c>
    </row>
    <row r="3" spans="1:10" x14ac:dyDescent="0.35">
      <c r="A3" s="23" t="s">
        <v>58</v>
      </c>
      <c r="B3" s="22" t="s">
        <v>57</v>
      </c>
      <c r="C3" s="22" t="s">
        <v>56</v>
      </c>
      <c r="D3" s="22" t="s">
        <v>55</v>
      </c>
      <c r="E3" s="22" t="s">
        <v>54</v>
      </c>
      <c r="F3" s="22" t="s">
        <v>37</v>
      </c>
      <c r="G3" s="22" t="s">
        <v>53</v>
      </c>
      <c r="H3" s="22" t="s">
        <v>52</v>
      </c>
      <c r="I3" s="22" t="s">
        <v>51</v>
      </c>
      <c r="J3" s="21" t="s">
        <v>50</v>
      </c>
    </row>
    <row r="4" spans="1:10" x14ac:dyDescent="0.35">
      <c r="A4" s="20" t="s">
        <v>49</v>
      </c>
      <c r="B4" s="19" t="s">
        <v>48</v>
      </c>
      <c r="C4" s="19" t="s">
        <v>47</v>
      </c>
      <c r="D4" s="19" t="s">
        <v>36</v>
      </c>
      <c r="E4" s="19" t="s">
        <v>46</v>
      </c>
      <c r="F4" s="19" t="s">
        <v>2</v>
      </c>
      <c r="G4" s="19" t="s">
        <v>45</v>
      </c>
      <c r="H4" s="19" t="s">
        <v>44</v>
      </c>
      <c r="I4" s="19" t="s">
        <v>43</v>
      </c>
      <c r="J4" s="18" t="s">
        <v>42</v>
      </c>
    </row>
    <row r="5" spans="1:10" x14ac:dyDescent="0.35">
      <c r="A5" t="s">
        <v>1</v>
      </c>
      <c r="B5" t="s">
        <v>1</v>
      </c>
      <c r="C5" t="s">
        <v>1</v>
      </c>
      <c r="D5" t="s">
        <v>1</v>
      </c>
      <c r="E5" t="s">
        <v>1</v>
      </c>
      <c r="F5" t="s">
        <v>1</v>
      </c>
      <c r="G5" t="s">
        <v>1</v>
      </c>
      <c r="H5" t="s">
        <v>1</v>
      </c>
      <c r="I5" t="s">
        <v>1</v>
      </c>
      <c r="J5" t="s">
        <v>1</v>
      </c>
    </row>
    <row r="7" spans="1:10" x14ac:dyDescent="0.35">
      <c r="A7" s="17" t="s">
        <v>41</v>
      </c>
      <c r="B7" s="17" t="s">
        <v>40</v>
      </c>
      <c r="C7" s="17" t="s">
        <v>39</v>
      </c>
      <c r="D7" s="17" t="s">
        <v>38</v>
      </c>
      <c r="E7" s="17" t="s">
        <v>37</v>
      </c>
    </row>
    <row r="8" spans="1:10" x14ac:dyDescent="0.35">
      <c r="A8" s="14" t="s">
        <v>36</v>
      </c>
      <c r="B8" s="16">
        <v>1611280978.1400001</v>
      </c>
      <c r="C8" s="14" t="s">
        <v>1</v>
      </c>
      <c r="D8" s="15">
        <v>1074634957.8745213</v>
      </c>
      <c r="E8" s="14" t="s">
        <v>1</v>
      </c>
    </row>
    <row r="9" spans="1:10" x14ac:dyDescent="0.35">
      <c r="A9" s="13" t="s">
        <v>35</v>
      </c>
      <c r="B9" s="12">
        <v>377778.14</v>
      </c>
      <c r="C9" s="10" t="s">
        <v>1</v>
      </c>
      <c r="D9" s="11">
        <v>377778.14</v>
      </c>
      <c r="E9" s="10" t="s">
        <v>1</v>
      </c>
    </row>
    <row r="10" spans="1:10" x14ac:dyDescent="0.35">
      <c r="A10" s="9" t="s">
        <v>34</v>
      </c>
      <c r="B10" s="8">
        <v>377778.14</v>
      </c>
      <c r="C10" s="6" t="s">
        <v>33</v>
      </c>
      <c r="D10" s="7">
        <v>377778.14</v>
      </c>
      <c r="E10" s="6" t="s">
        <v>2</v>
      </c>
    </row>
    <row r="11" spans="1:10" x14ac:dyDescent="0.35">
      <c r="A11" s="13" t="s">
        <v>32</v>
      </c>
      <c r="B11" s="12">
        <v>1610903200</v>
      </c>
      <c r="C11" s="10" t="s">
        <v>1</v>
      </c>
      <c r="D11" s="11">
        <v>1074257179.7345212</v>
      </c>
      <c r="E11" s="10" t="s">
        <v>1</v>
      </c>
    </row>
    <row r="12" spans="1:10" x14ac:dyDescent="0.35">
      <c r="A12" s="9" t="s">
        <v>31</v>
      </c>
      <c r="B12" s="8">
        <v>25111000</v>
      </c>
      <c r="C12" s="6" t="s">
        <v>3</v>
      </c>
      <c r="D12" s="7">
        <v>8254584.9463114738</v>
      </c>
      <c r="E12" s="6" t="s">
        <v>2</v>
      </c>
    </row>
    <row r="13" spans="1:10" x14ac:dyDescent="0.35">
      <c r="A13" s="5" t="s">
        <v>30</v>
      </c>
      <c r="B13" s="4">
        <v>9030000</v>
      </c>
      <c r="C13" s="2" t="s">
        <v>3</v>
      </c>
      <c r="D13" s="3">
        <v>9224499.2154696137</v>
      </c>
      <c r="E13" s="2" t="s">
        <v>2</v>
      </c>
    </row>
    <row r="14" spans="1:10" x14ac:dyDescent="0.35">
      <c r="A14" s="9" t="s">
        <v>29</v>
      </c>
      <c r="B14" s="8">
        <v>60431300</v>
      </c>
      <c r="C14" s="6" t="s">
        <v>3</v>
      </c>
      <c r="D14" s="7">
        <v>15847662.620327868</v>
      </c>
      <c r="E14" s="6" t="s">
        <v>2</v>
      </c>
    </row>
    <row r="15" spans="1:10" x14ac:dyDescent="0.35">
      <c r="A15" s="5" t="s">
        <v>28</v>
      </c>
      <c r="B15" s="4">
        <v>54556000</v>
      </c>
      <c r="C15" s="2" t="s">
        <v>3</v>
      </c>
      <c r="D15" s="3">
        <v>22125923.647540983</v>
      </c>
      <c r="E15" s="2" t="s">
        <v>2</v>
      </c>
    </row>
    <row r="16" spans="1:10" x14ac:dyDescent="0.35">
      <c r="A16" s="9" t="s">
        <v>27</v>
      </c>
      <c r="B16" s="8">
        <v>52668000</v>
      </c>
      <c r="C16" s="6" t="s">
        <v>3</v>
      </c>
      <c r="D16" s="7">
        <v>24476172.672928177</v>
      </c>
      <c r="E16" s="6" t="s">
        <v>2</v>
      </c>
    </row>
    <row r="17" spans="1:5" x14ac:dyDescent="0.35">
      <c r="A17" s="5" t="s">
        <v>26</v>
      </c>
      <c r="B17" s="4">
        <v>70618000</v>
      </c>
      <c r="C17" s="2" t="s">
        <v>3</v>
      </c>
      <c r="D17" s="3">
        <v>26049446.284426231</v>
      </c>
      <c r="E17" s="2" t="s">
        <v>2</v>
      </c>
    </row>
    <row r="18" spans="1:5" x14ac:dyDescent="0.35">
      <c r="A18" s="9" t="s">
        <v>25</v>
      </c>
      <c r="B18" s="8">
        <v>56952000</v>
      </c>
      <c r="C18" s="6" t="s">
        <v>3</v>
      </c>
      <c r="D18" s="7">
        <v>26605897.052459016</v>
      </c>
      <c r="E18" s="6" t="s">
        <v>2</v>
      </c>
    </row>
    <row r="19" spans="1:5" x14ac:dyDescent="0.35">
      <c r="A19" s="5" t="s">
        <v>24</v>
      </c>
      <c r="B19" s="4">
        <v>47519000</v>
      </c>
      <c r="C19" s="2" t="s">
        <v>3</v>
      </c>
      <c r="D19" s="3">
        <v>26885331.32430939</v>
      </c>
      <c r="E19" s="2" t="s">
        <v>2</v>
      </c>
    </row>
    <row r="20" spans="1:5" x14ac:dyDescent="0.35">
      <c r="A20" s="9" t="s">
        <v>23</v>
      </c>
      <c r="B20" s="8">
        <v>59787000</v>
      </c>
      <c r="C20" s="6" t="s">
        <v>3</v>
      </c>
      <c r="D20" s="7">
        <v>27502944.881767958</v>
      </c>
      <c r="E20" s="6" t="s">
        <v>2</v>
      </c>
    </row>
    <row r="21" spans="1:5" x14ac:dyDescent="0.35">
      <c r="A21" s="5" t="s">
        <v>22</v>
      </c>
      <c r="B21" s="4">
        <v>65543000</v>
      </c>
      <c r="C21" s="2" t="s">
        <v>3</v>
      </c>
      <c r="D21" s="3">
        <v>29007991.970718231</v>
      </c>
      <c r="E21" s="2" t="s">
        <v>2</v>
      </c>
    </row>
    <row r="22" spans="1:5" x14ac:dyDescent="0.35">
      <c r="A22" s="9" t="s">
        <v>21</v>
      </c>
      <c r="B22" s="8">
        <v>58453000</v>
      </c>
      <c r="C22" s="6" t="s">
        <v>3</v>
      </c>
      <c r="D22" s="7">
        <v>30733909.2160221</v>
      </c>
      <c r="E22" s="6" t="s">
        <v>2</v>
      </c>
    </row>
    <row r="23" spans="1:5" x14ac:dyDescent="0.35">
      <c r="A23" s="5" t="s">
        <v>20</v>
      </c>
      <c r="B23" s="4">
        <v>39468000</v>
      </c>
      <c r="C23" s="2" t="s">
        <v>3</v>
      </c>
      <c r="D23" s="3">
        <v>31741783.140983608</v>
      </c>
      <c r="E23" s="2" t="s">
        <v>2</v>
      </c>
    </row>
    <row r="24" spans="1:5" x14ac:dyDescent="0.35">
      <c r="A24" s="9" t="s">
        <v>19</v>
      </c>
      <c r="B24" s="8">
        <v>68466000</v>
      </c>
      <c r="C24" s="6" t="s">
        <v>3</v>
      </c>
      <c r="D24" s="7">
        <v>32493036.850276247</v>
      </c>
      <c r="E24" s="6" t="s">
        <v>2</v>
      </c>
    </row>
    <row r="25" spans="1:5" x14ac:dyDescent="0.35">
      <c r="A25" s="5" t="s">
        <v>18</v>
      </c>
      <c r="B25" s="4">
        <v>47294600</v>
      </c>
      <c r="C25" s="2" t="s">
        <v>3</v>
      </c>
      <c r="D25" s="3">
        <v>34608907.928950273</v>
      </c>
      <c r="E25" s="2" t="s">
        <v>2</v>
      </c>
    </row>
    <row r="26" spans="1:5" x14ac:dyDescent="0.35">
      <c r="A26" s="9" t="s">
        <v>17</v>
      </c>
      <c r="B26" s="8">
        <v>68625000</v>
      </c>
      <c r="C26" s="6" t="s">
        <v>3</v>
      </c>
      <c r="D26" s="7">
        <v>37255583.5980663</v>
      </c>
      <c r="E26" s="6" t="s">
        <v>2</v>
      </c>
    </row>
    <row r="27" spans="1:5" x14ac:dyDescent="0.35">
      <c r="A27" s="5" t="s">
        <v>16</v>
      </c>
      <c r="B27" s="4">
        <v>47915000</v>
      </c>
      <c r="C27" s="2" t="s">
        <v>3</v>
      </c>
      <c r="D27" s="3">
        <v>41564861.70628415</v>
      </c>
      <c r="E27" s="2" t="s">
        <v>2</v>
      </c>
    </row>
    <row r="28" spans="1:5" x14ac:dyDescent="0.35">
      <c r="A28" s="9" t="s">
        <v>15</v>
      </c>
      <c r="B28" s="8">
        <v>76168400</v>
      </c>
      <c r="C28" s="6" t="s">
        <v>3</v>
      </c>
      <c r="D28" s="7">
        <v>44951280.724918038</v>
      </c>
      <c r="E28" s="6" t="s">
        <v>2</v>
      </c>
    </row>
    <row r="29" spans="1:5" x14ac:dyDescent="0.35">
      <c r="A29" s="5" t="s">
        <v>14</v>
      </c>
      <c r="B29" s="4">
        <v>55633000</v>
      </c>
      <c r="C29" s="2" t="s">
        <v>3</v>
      </c>
      <c r="D29" s="3">
        <v>45717478.158011049</v>
      </c>
      <c r="E29" s="2" t="s">
        <v>2</v>
      </c>
    </row>
    <row r="30" spans="1:5" x14ac:dyDescent="0.35">
      <c r="A30" s="9" t="s">
        <v>13</v>
      </c>
      <c r="B30" s="8">
        <v>58633000</v>
      </c>
      <c r="C30" s="6" t="s">
        <v>3</v>
      </c>
      <c r="D30" s="7">
        <v>46963332.319060773</v>
      </c>
      <c r="E30" s="6" t="s">
        <v>2</v>
      </c>
    </row>
    <row r="31" spans="1:5" x14ac:dyDescent="0.35">
      <c r="A31" s="5" t="s">
        <v>12</v>
      </c>
      <c r="B31" s="4">
        <v>64525000</v>
      </c>
      <c r="C31" s="2" t="s">
        <v>3</v>
      </c>
      <c r="D31" s="3">
        <v>50559833.094262294</v>
      </c>
      <c r="E31" s="2" t="s">
        <v>2</v>
      </c>
    </row>
    <row r="32" spans="1:5" x14ac:dyDescent="0.35">
      <c r="A32" s="9" t="s">
        <v>11</v>
      </c>
      <c r="B32" s="8">
        <v>57600900</v>
      </c>
      <c r="C32" s="6" t="s">
        <v>3</v>
      </c>
      <c r="D32" s="7">
        <v>50698844.202868849</v>
      </c>
      <c r="E32" s="6" t="s">
        <v>2</v>
      </c>
    </row>
    <row r="33" spans="1:5" x14ac:dyDescent="0.35">
      <c r="A33" s="5" t="s">
        <v>10</v>
      </c>
      <c r="B33" s="4">
        <v>65430000</v>
      </c>
      <c r="C33" s="2" t="s">
        <v>3</v>
      </c>
      <c r="D33" s="3">
        <v>51707684.212707184</v>
      </c>
      <c r="E33" s="2" t="s">
        <v>2</v>
      </c>
    </row>
    <row r="34" spans="1:5" x14ac:dyDescent="0.35">
      <c r="A34" s="9" t="s">
        <v>9</v>
      </c>
      <c r="B34" s="8">
        <v>61047000</v>
      </c>
      <c r="C34" s="6" t="s">
        <v>3</v>
      </c>
      <c r="D34" s="7">
        <v>51937002.892622955</v>
      </c>
      <c r="E34" s="6" t="s">
        <v>2</v>
      </c>
    </row>
    <row r="35" spans="1:5" x14ac:dyDescent="0.35">
      <c r="A35" s="5" t="s">
        <v>8</v>
      </c>
      <c r="B35" s="4">
        <v>68972000</v>
      </c>
      <c r="C35" s="2" t="s">
        <v>3</v>
      </c>
      <c r="D35" s="3">
        <v>56017191.202209949</v>
      </c>
      <c r="E35" s="2" t="s">
        <v>2</v>
      </c>
    </row>
    <row r="36" spans="1:5" x14ac:dyDescent="0.35">
      <c r="A36" s="9" t="s">
        <v>7</v>
      </c>
      <c r="B36" s="8">
        <v>61069000</v>
      </c>
      <c r="C36" s="6" t="s">
        <v>3</v>
      </c>
      <c r="D36" s="7">
        <v>56761850.149453558</v>
      </c>
      <c r="E36" s="6" t="s">
        <v>2</v>
      </c>
    </row>
    <row r="37" spans="1:5" x14ac:dyDescent="0.35">
      <c r="A37" s="5" t="s">
        <v>6</v>
      </c>
      <c r="B37" s="4">
        <v>62628000</v>
      </c>
      <c r="C37" s="2" t="s">
        <v>3</v>
      </c>
      <c r="D37" s="3">
        <v>58834488.570491806</v>
      </c>
      <c r="E37" s="2" t="s">
        <v>2</v>
      </c>
    </row>
    <row r="38" spans="1:5" x14ac:dyDescent="0.35">
      <c r="A38" s="9" t="s">
        <v>5</v>
      </c>
      <c r="B38" s="8">
        <v>73290000</v>
      </c>
      <c r="C38" s="6" t="s">
        <v>3</v>
      </c>
      <c r="D38" s="7">
        <v>64834419.323204421</v>
      </c>
      <c r="E38" s="6" t="s">
        <v>2</v>
      </c>
    </row>
    <row r="39" spans="1:5" x14ac:dyDescent="0.35">
      <c r="A39" s="5" t="s">
        <v>4</v>
      </c>
      <c r="B39" s="4">
        <v>73470000</v>
      </c>
      <c r="C39" s="2" t="s">
        <v>3</v>
      </c>
      <c r="D39" s="3">
        <v>70895237.827868849</v>
      </c>
      <c r="E39" s="2" t="s">
        <v>2</v>
      </c>
    </row>
    <row r="40" spans="1:5" x14ac:dyDescent="0.35">
      <c r="A40" s="1" t="s">
        <v>1</v>
      </c>
    </row>
    <row r="41" spans="1:5" x14ac:dyDescent="0.35">
      <c r="A41" s="1"/>
    </row>
    <row r="42" spans="1:5" x14ac:dyDescent="0.35">
      <c r="A42" s="1" t="s">
        <v>0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CCFCF28E2594944BDDEA777C5D13E7C" ma:contentTypeVersion="28" ma:contentTypeDescription="Create a new document." ma:contentTypeScope="" ma:versionID="b60be72ecabba5d91109c8ff6ab5ec3f">
  <xsd:schema xmlns:xsd="http://www.w3.org/2001/XMLSchema" xmlns:xs="http://www.w3.org/2001/XMLSchema" xmlns:p="http://schemas.microsoft.com/office/2006/metadata/properties" xmlns:ns1="a06af3a4-65f4-44aa-b975-839a2c88f011" xmlns:ns2="37395777-011c-4d78-851b-5c6800e5b497" targetNamespace="http://schemas.microsoft.com/office/2006/metadata/properties" ma:root="true" ma:fieldsID="c45c34798d58a5188ca6fc82d90ef276" ns1:_="" ns2:_="">
    <xsd:import namespace="a06af3a4-65f4-44aa-b975-839a2c88f011"/>
    <xsd:import namespace="37395777-011c-4d78-851b-5c6800e5b497"/>
    <xsd:element name="properties">
      <xsd:complexType>
        <xsd:sequence>
          <xsd:element name="documentManagement">
            <xsd:complexType>
              <xsd:all>
                <xsd:element ref="ns1:Classification" minOccurs="0"/>
                <xsd:element ref="ns2:Business_x0020_area" minOccurs="0"/>
                <xsd:element ref="ns2:Level_x0020_2" minOccurs="0"/>
                <xsd:element ref="ns2:Topic" minOccurs="0"/>
                <xsd:element ref="ns2:Client" minOccurs="0"/>
                <xsd:element ref="ns2:Audience" minOccurs="0"/>
                <xsd:element ref="ns1:Personal_x0020_Data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OCR" minOccurs="0"/>
                <xsd:element ref="ns2:MediaServiceLocation" minOccurs="0"/>
                <xsd:element ref="ns1:SharedWithUsers" minOccurs="0"/>
                <xsd:element ref="ns1:SharedWithDetails" minOccurs="0"/>
                <xsd:element ref="ns2:MediaServiceEventHashCode" minOccurs="0"/>
                <xsd:element ref="ns2:MediaServiceGenerationTime" minOccurs="0"/>
                <xsd:element ref="ns2:MediaServiceAutoKeyPoints" minOccurs="0"/>
                <xsd:element ref="ns2:MediaServiceKeyPoints" minOccurs="0"/>
                <xsd:element ref="ns2:MediaLengthInSeconds" minOccurs="0"/>
                <xsd:element ref="ns2:lcf76f155ced4ddcb4097134ff3c332f" minOccurs="0"/>
                <xsd:element ref="ns1:TaxCatchAll" minOccurs="0"/>
                <xsd:element ref="ns2:MediaServiceSearchProperties" minOccurs="0"/>
                <xsd:element ref="ns2:MediaServiceObjectDetectorVersions" minOccurs="0"/>
                <xsd:element ref="ns2:MediaServiceBillingMetadata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06af3a4-65f4-44aa-b975-839a2c88f011" elementFormDefault="qualified">
    <xsd:import namespace="http://schemas.microsoft.com/office/2006/documentManagement/types"/>
    <xsd:import namespace="http://schemas.microsoft.com/office/infopath/2007/PartnerControls"/>
    <xsd:element name="Classification" ma:index="0" nillable="true" ma:displayName="Classification" ma:default="Internal Only" ma:description="Document Information Classification" ma:format="Dropdown" ma:internalName="Classification">
      <xsd:simpleType>
        <xsd:restriction base="dms:Choice">
          <xsd:enumeration value="Public"/>
          <xsd:enumeration value="Internal Only"/>
          <xsd:enumeration value="Confidential"/>
          <xsd:enumeration value="Strictly Confidential"/>
        </xsd:restriction>
      </xsd:simpleType>
    </xsd:element>
    <xsd:element name="Personal_x0020_Data" ma:index="8" nillable="true" ma:displayName="Personal Data" ma:default="0" ma:indexed="true" ma:internalName="Personal_x0020_Data">
      <xsd:simpleType>
        <xsd:restriction base="dms:Boolean"/>
      </xsd:simpleType>
    </xsd:element>
    <xsd:element name="SharedWithUsers" ma:index="2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2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8" nillable="true" ma:displayName="Taxonomy Catch All Column" ma:hidden="true" ma:list="{9bc17256-2059-4441-9792-5643375b238b}" ma:internalName="TaxCatchAll" ma:showField="CatchAllData" ma:web="a06af3a4-65f4-44aa-b975-839a2c88f011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7395777-011c-4d78-851b-5c6800e5b497" elementFormDefault="qualified">
    <xsd:import namespace="http://schemas.microsoft.com/office/2006/documentManagement/types"/>
    <xsd:import namespace="http://schemas.microsoft.com/office/infopath/2007/PartnerControls"/>
    <xsd:element name="Business_x0020_area" ma:index="1" nillable="true" ma:displayName="Folder 1" ma:internalName="Business_x0020_area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 Services"/>
                        <xsd:enumeration value="Client newsletters"/>
                        <xsd:enumeration value="Events"/>
                        <xsd:enumeration value="Templates Branding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Level_x0020_2" ma:index="2" nillable="true" ma:displayName="Folder 2" ma:internalName="Level_x0020_2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Archive"/>
                        <xsd:enumeration value="Awards"/>
                        <xsd:enumeration value="Clients"/>
                        <xsd:enumeration value="Conferences"/>
                        <xsd:enumeration value="Documents"/>
                        <xsd:enumeration value="Drafts"/>
                        <xsd:enumeration value="Fund logos"/>
                        <xsd:enumeration value="Fund managers"/>
                        <xsd:enumeration value="Logos and graphics"/>
                        <xsd:enumeration value="Other"/>
                        <xsd:enumeration value="Other people's logo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Topic" ma:index="5" nillable="true" ma:displayName="Topic" ma:internalName="Topic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s"/>
                        <xsd:enumeration value="Committee"/>
                        <xsd:enumeration value="ESG"/>
                        <xsd:enumeration value="Fossil fuels and disinvestment"/>
                        <xsd:enumeration value="Government engagement"/>
                        <xsd:enumeration value="Performance"/>
                        <xsd:enumeration value="Pooling"/>
                        <xsd:enumeration value="Portfolios"/>
                        <xsd:enumeration value="RI"/>
                        <xsd:enumeration value="SAB"/>
                        <xsd:enumeration value="Services contract"/>
                        <xsd:enumeration value="Strategy"/>
                        <xsd:enumeration value="Training"/>
                        <xsd:enumeration value="Transitions"/>
                        <xsd:enumeration value="Union Petition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Client" ma:index="6" nillable="true" ma:displayName="Client" ma:list="{5afffc3f-398b-4f34-b372-1683515a39c4}" ma:internalName="Client" ma:readOnly="false" ma:showField="Title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Audience" ma:index="7" nillable="true" ma:displayName="Audience" ma:internalName="Audienc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lients"/>
                    <xsd:enumeration value="External"/>
                    <xsd:enumeration value="Fund managers"/>
                    <xsd:enumeration value="Internal"/>
                  </xsd:restriction>
                </xsd:simpleType>
              </xsd:element>
            </xsd:sequence>
          </xsd:extension>
        </xsd:complexContent>
      </xsd:complexType>
    </xsd:element>
    <xsd:element name="MediaServiceMetadata" ma:index="12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3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5" nillable="true" ma:displayName="MediaServiceAutoTags" ma:internalName="MediaServiceAutoTags" ma:readOnly="true">
      <xsd:simpleType>
        <xsd:restriction base="dms:Text"/>
      </xsd:simpleType>
    </xsd:element>
    <xsd:element name="MediaServiceOCR" ma:index="16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7" nillable="true" ma:displayName="MediaServiceLocation" ma:internalName="MediaServiceLocation" ma:readOnly="true">
      <xsd:simpleType>
        <xsd:restriction base="dms:Text"/>
      </xsd:simpleType>
    </xsd:element>
    <xsd:element name="MediaServiceEventHashCode" ma:index="2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2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24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5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LengthInSeconds" ma:index="26" nillable="true" ma:displayName="Length (seconds)" ma:internalName="MediaLengthInSeconds" ma:readOnly="true">
      <xsd:simpleType>
        <xsd:restriction base="dms:Unknown"/>
      </xsd:simpleType>
    </xsd:element>
    <xsd:element name="lcf76f155ced4ddcb4097134ff3c332f" ma:index="27" nillable="true" ma:taxonomy="true" ma:internalName="lcf76f155ced4ddcb4097134ff3c332f" ma:taxonomyFieldName="MediaServiceImageTags" ma:displayName="Image Tags" ma:readOnly="false" ma:fieldId="{5cf76f15-5ced-4ddc-b409-7134ff3c332f}" ma:taxonomyMulti="true" ma:sspId="215a94fe-8423-4890-bab4-97fa22e490de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SearchProperties" ma:index="3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3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BillingMetadata" ma:index="33" nillable="true" ma:displayName="MediaServiceBillingMetadata" ma:hidden="true" ma:internalName="MediaServiceBillingMetadata" ma:readOnly="true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9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Business_x0020_area xmlns="37395777-011c-4d78-851b-5c6800e5b497" xsi:nil="true"/>
    <Level_x0020_2 xmlns="37395777-011c-4d78-851b-5c6800e5b497" xsi:nil="true"/>
    <Topic xmlns="37395777-011c-4d78-851b-5c6800e5b497"/>
    <Audience xmlns="37395777-011c-4d78-851b-5c6800e5b497" xsi:nil="true"/>
    <Personal_x0020_Data xmlns="a06af3a4-65f4-44aa-b975-839a2c88f011">false</Personal_x0020_Data>
    <Classification xmlns="a06af3a4-65f4-44aa-b975-839a2c88f011">Internal Only</Classification>
    <TaxCatchAll xmlns="a06af3a4-65f4-44aa-b975-839a2c88f011" xsi:nil="true"/>
    <Client xmlns="37395777-011c-4d78-851b-5c6800e5b497" xsi:nil="true"/>
    <lcf76f155ced4ddcb4097134ff3c332f xmlns="37395777-011c-4d78-851b-5c6800e5b497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C125682F-CFF5-456D-A93C-D6BAF9238D5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06af3a4-65f4-44aa-b975-839a2c88f011"/>
    <ds:schemaRef ds:uri="37395777-011c-4d78-851b-5c6800e5b49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75C756F6-43DD-4300-BA02-769FA4A7EB30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93482F59-FA2D-4E6C-8F53-0FEFDEE87025}">
  <ds:schemaRefs>
    <ds:schemaRef ds:uri="http://schemas.openxmlformats.org/package/2006/metadata/core-properties"/>
    <ds:schemaRef ds:uri="http://purl.org/dc/terms/"/>
    <ds:schemaRef ds:uri="http://schemas.microsoft.com/office/infopath/2007/PartnerControls"/>
    <ds:schemaRef ds:uri="http://schemas.microsoft.com/office/2006/metadata/properties"/>
    <ds:schemaRef ds:uri="http://www.w3.org/XML/1998/namespace"/>
    <ds:schemaRef ds:uri="http://schemas.microsoft.com/office/2006/documentManagement/types"/>
    <ds:schemaRef ds:uri="http://purl.org/dc/elements/1.1/"/>
    <ds:schemaRef ds:uri="37395777-011c-4d78-851b-5c6800e5b497"/>
    <ds:schemaRef ds:uri="a06af3a4-65f4-44aa-b975-839a2c88f011"/>
    <ds:schemaRef ds:uri="http://purl.org/dc/dcmitype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ALLNGGTTL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ethan Jones</dc:creator>
  <cp:lastModifiedBy>Bethan Jones</cp:lastModifiedBy>
  <dcterms:created xsi:type="dcterms:W3CDTF">2025-10-01T13:20:07Z</dcterms:created>
  <dcterms:modified xsi:type="dcterms:W3CDTF">2025-10-01T13:20:4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CCFCF28E2594944BDDEA777C5D13E7C</vt:lpwstr>
  </property>
  <property fmtid="{D5CDD505-2E9C-101B-9397-08002B2CF9AE}" pid="3" name="MediaServiceImageTags">
    <vt:lpwstr/>
  </property>
</Properties>
</file>